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8526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s08564\Desktop\統計表エクセル\"/>
    </mc:Choice>
  </mc:AlternateContent>
  <xr:revisionPtr revIDLastSave="0" documentId="8_{35204C09-B012-4C8A-A3FD-42D82B291AF6}" xr6:coauthVersionLast="47" xr6:coauthVersionMax="47" xr10:uidLastSave="{00000000-0000-0000-0000-000000000000}"/>
  <bookViews>
    <workbookView xWindow="5175" yWindow="-16320" windowWidth="29040" windowHeight="15720" xr2:uid="{A636A8AF-BB9E-4AE9-A99E-EBFD0FC66849}"/>
  </bookViews>
  <sheets>
    <sheet name="sheet10" sheetId="1" r:id="rId1"/>
  </sheets>
  <definedNames>
    <definedName name="_xlnm.Print_Area" localSheetId="0">sheet10!$A$7:$R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6" uniqueCount="40">
  <si>
    <t>第１０表　保険者別療養の給付（診療費）諸率（退職被保険者等分）</t>
    <rPh sb="0" eb="1">
      <t>ダイ</t>
    </rPh>
    <rPh sb="3" eb="4">
      <t>ヒョウ</t>
    </rPh>
    <rPh sb="5" eb="8">
      <t>ホケンシャ</t>
    </rPh>
    <rPh sb="8" eb="9">
      <t>ベツ</t>
    </rPh>
    <rPh sb="9" eb="11">
      <t>リョウヨウ</t>
    </rPh>
    <rPh sb="12" eb="14">
      <t>キュウフ</t>
    </rPh>
    <rPh sb="15" eb="18">
      <t>シンリョウヒ</t>
    </rPh>
    <rPh sb="19" eb="20">
      <t>ショ</t>
    </rPh>
    <rPh sb="20" eb="21">
      <t>リツ</t>
    </rPh>
    <rPh sb="22" eb="24">
      <t>タイショク</t>
    </rPh>
    <rPh sb="24" eb="28">
      <t>ヒホケンシャ</t>
    </rPh>
    <rPh sb="28" eb="29">
      <t>トウ</t>
    </rPh>
    <rPh sb="29" eb="30">
      <t>ブン</t>
    </rPh>
    <phoneticPr fontId="3"/>
  </si>
  <si>
    <t>被保険者100人当たり受診件数</t>
    <rPh sb="0" eb="4">
      <t>ヒホケンシャ</t>
    </rPh>
    <rPh sb="7" eb="8">
      <t>ニン</t>
    </rPh>
    <rPh sb="8" eb="9">
      <t>ア</t>
    </rPh>
    <rPh sb="11" eb="13">
      <t>ジュシン</t>
    </rPh>
    <rPh sb="13" eb="15">
      <t>ケンスウ</t>
    </rPh>
    <phoneticPr fontId="3"/>
  </si>
  <si>
    <t>１件当たり日数</t>
    <rPh sb="1" eb="2">
      <t>ケン</t>
    </rPh>
    <rPh sb="2" eb="3">
      <t>ア</t>
    </rPh>
    <rPh sb="5" eb="7">
      <t>ニッスウ</t>
    </rPh>
    <phoneticPr fontId="3"/>
  </si>
  <si>
    <t>１日当たり費用額</t>
    <rPh sb="1" eb="2">
      <t>ニチ</t>
    </rPh>
    <rPh sb="2" eb="3">
      <t>ア</t>
    </rPh>
    <rPh sb="5" eb="8">
      <t>ヒヨウガク</t>
    </rPh>
    <phoneticPr fontId="3"/>
  </si>
  <si>
    <t>１人当たり費用額</t>
    <rPh sb="1" eb="2">
      <t>ニン</t>
    </rPh>
    <rPh sb="2" eb="3">
      <t>ア</t>
    </rPh>
    <rPh sb="5" eb="8">
      <t>ヒヨウガク</t>
    </rPh>
    <phoneticPr fontId="3"/>
  </si>
  <si>
    <t>入院</t>
    <rPh sb="0" eb="2">
      <t>ニュウイン</t>
    </rPh>
    <phoneticPr fontId="3"/>
  </si>
  <si>
    <t>入院外</t>
    <rPh sb="0" eb="2">
      <t>ニュウイン</t>
    </rPh>
    <rPh sb="2" eb="3">
      <t>ガイ</t>
    </rPh>
    <phoneticPr fontId="3"/>
  </si>
  <si>
    <t>歯科</t>
    <rPh sb="0" eb="2">
      <t>シカ</t>
    </rPh>
    <phoneticPr fontId="3"/>
  </si>
  <si>
    <t>計</t>
    <rPh sb="0" eb="1">
      <t>ケイ</t>
    </rPh>
    <phoneticPr fontId="3"/>
  </si>
  <si>
    <t>平均</t>
    <rPh sb="0" eb="2">
      <t>ヘイキン</t>
    </rPh>
    <phoneticPr fontId="3"/>
  </si>
  <si>
    <t>番
号</t>
    <rPh sb="0" eb="1">
      <t>バン</t>
    </rPh>
    <rPh sb="2" eb="3">
      <t>ゴウ</t>
    </rPh>
    <phoneticPr fontId="4"/>
  </si>
  <si>
    <t>保険者名</t>
    <rPh sb="0" eb="3">
      <t>ホケンシャ</t>
    </rPh>
    <rPh sb="3" eb="4">
      <t>メイ</t>
    </rPh>
    <phoneticPr fontId="4"/>
  </si>
  <si>
    <t>件</t>
    <rPh sb="0" eb="1">
      <t>ケン</t>
    </rPh>
    <phoneticPr fontId="4"/>
  </si>
  <si>
    <t>日</t>
    <rPh sb="0" eb="1">
      <t>ニチ</t>
    </rPh>
    <phoneticPr fontId="4"/>
  </si>
  <si>
    <t>円</t>
    <rPh sb="0" eb="1">
      <t>エン</t>
    </rPh>
    <phoneticPr fontId="4"/>
  </si>
  <si>
    <t>円</t>
    <phoneticPr fontId="4"/>
  </si>
  <si>
    <t xml:space="preserve"> 都道府県計</t>
  </si>
  <si>
    <t xml:space="preserve"> 市町村計</t>
  </si>
  <si>
    <t xml:space="preserve"> 国保組合計</t>
    <rPh sb="1" eb="3">
      <t>コクホ</t>
    </rPh>
    <phoneticPr fontId="4"/>
  </si>
  <si>
    <t>－</t>
    <phoneticPr fontId="4"/>
  </si>
  <si>
    <t xml:space="preserve"> 松江市</t>
  </si>
  <si>
    <t xml:space="preserve"> 浜田市</t>
  </si>
  <si>
    <t xml:space="preserve"> 出雲市</t>
  </si>
  <si>
    <t xml:space="preserve"> 益田市</t>
  </si>
  <si>
    <t xml:space="preserve"> 大田市</t>
  </si>
  <si>
    <t xml:space="preserve"> 安来市</t>
  </si>
  <si>
    <t xml:space="preserve"> 江津市</t>
  </si>
  <si>
    <t xml:space="preserve"> 川本町</t>
  </si>
  <si>
    <t xml:space="preserve"> 津和野町</t>
  </si>
  <si>
    <t xml:space="preserve"> 海士町</t>
  </si>
  <si>
    <t xml:space="preserve"> 西ノ島町</t>
  </si>
  <si>
    <t xml:space="preserve"> 知夫村</t>
  </si>
  <si>
    <t xml:space="preserve"> 雲南市</t>
  </si>
  <si>
    <t xml:space="preserve"> 奥出雲町</t>
  </si>
  <si>
    <t xml:space="preserve"> 飯南町</t>
  </si>
  <si>
    <t xml:space="preserve"> 美郷町</t>
  </si>
  <si>
    <t xml:space="preserve"> 邑南町</t>
  </si>
  <si>
    <t xml:space="preserve"> 吉賀町</t>
  </si>
  <si>
    <t xml:space="preserve"> 隠岐の島町</t>
  </si>
  <si>
    <t xml:space="preserve"> 医師組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.000"/>
    <numFmt numFmtId="177" formatCode="000"/>
    <numFmt numFmtId="178" formatCode="0;&quot;△ &quot;0"/>
  </numFmts>
  <fonts count="5">
    <font>
      <sz val="11"/>
      <name val="明朝"/>
      <family val="3"/>
      <charset val="128"/>
    </font>
    <font>
      <sz val="10"/>
      <name val="ＭＳ Ｐゴシック"/>
      <family val="3"/>
      <charset val="128"/>
    </font>
    <font>
      <sz val="6"/>
      <name val="明朝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46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Alignment="1">
      <alignment vertical="center"/>
    </xf>
    <xf numFmtId="4" fontId="1" fillId="0" borderId="0" xfId="0" applyNumberFormat="1" applyFont="1" applyAlignment="1">
      <alignment vertical="center"/>
    </xf>
    <xf numFmtId="3" fontId="1" fillId="0" borderId="0" xfId="0" applyNumberFormat="1" applyFont="1" applyAlignment="1">
      <alignment vertical="center"/>
    </xf>
    <xf numFmtId="0" fontId="1" fillId="0" borderId="1" xfId="0" applyFont="1" applyBorder="1" applyAlignment="1">
      <alignment vertical="center"/>
    </xf>
    <xf numFmtId="176" fontId="1" fillId="0" borderId="2" xfId="0" applyNumberFormat="1" applyFont="1" applyBorder="1" applyAlignment="1">
      <alignment horizontal="center" vertical="center"/>
    </xf>
    <xf numFmtId="176" fontId="1" fillId="0" borderId="3" xfId="0" applyNumberFormat="1" applyFont="1" applyBorder="1" applyAlignment="1">
      <alignment horizontal="center" vertical="center"/>
    </xf>
    <xf numFmtId="176" fontId="1" fillId="0" borderId="4" xfId="0" applyNumberFormat="1" applyFont="1" applyBorder="1" applyAlignment="1">
      <alignment horizontal="center" vertical="center"/>
    </xf>
    <xf numFmtId="4" fontId="1" fillId="0" borderId="2" xfId="0" applyNumberFormat="1" applyFont="1" applyBorder="1" applyAlignment="1">
      <alignment horizontal="center" vertical="center"/>
    </xf>
    <xf numFmtId="4" fontId="1" fillId="0" borderId="3" xfId="0" applyNumberFormat="1" applyFont="1" applyBorder="1" applyAlignment="1">
      <alignment horizontal="center" vertical="center"/>
    </xf>
    <xf numFmtId="4" fontId="1" fillId="0" borderId="4" xfId="0" applyNumberFormat="1" applyFont="1" applyBorder="1" applyAlignment="1">
      <alignment horizontal="center" vertical="center"/>
    </xf>
    <xf numFmtId="3" fontId="1" fillId="0" borderId="2" xfId="0" applyNumberFormat="1" applyFont="1" applyBorder="1" applyAlignment="1">
      <alignment horizontal="center" vertical="center"/>
    </xf>
    <xf numFmtId="3" fontId="1" fillId="0" borderId="3" xfId="0" applyNumberFormat="1" applyFont="1" applyBorder="1" applyAlignment="1">
      <alignment horizontal="center" vertical="center"/>
    </xf>
    <xf numFmtId="3" fontId="1" fillId="0" borderId="4" xfId="0" applyNumberFormat="1" applyFont="1" applyBorder="1" applyAlignment="1">
      <alignment horizontal="center" vertical="center"/>
    </xf>
    <xf numFmtId="0" fontId="1" fillId="0" borderId="5" xfId="0" applyFont="1" applyBorder="1" applyAlignment="1">
      <alignment vertical="center"/>
    </xf>
    <xf numFmtId="176" fontId="1" fillId="0" borderId="6" xfId="0" applyNumberFormat="1" applyFont="1" applyBorder="1" applyAlignment="1">
      <alignment horizontal="center" vertical="center"/>
    </xf>
    <xf numFmtId="4" fontId="1" fillId="0" borderId="6" xfId="0" applyNumberFormat="1" applyFont="1" applyBorder="1" applyAlignment="1">
      <alignment horizontal="center" vertical="center"/>
    </xf>
    <xf numFmtId="3" fontId="1" fillId="0" borderId="6" xfId="0" applyNumberFormat="1" applyFont="1" applyBorder="1" applyAlignment="1">
      <alignment horizontal="center" vertical="center"/>
    </xf>
    <xf numFmtId="176" fontId="1" fillId="0" borderId="6" xfId="0" applyNumberFormat="1" applyFont="1" applyBorder="1" applyAlignment="1">
      <alignment vertical="center"/>
    </xf>
    <xf numFmtId="4" fontId="1" fillId="0" borderId="6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vertical="center"/>
    </xf>
    <xf numFmtId="0" fontId="1" fillId="0" borderId="7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176" fontId="1" fillId="0" borderId="7" xfId="0" applyNumberFormat="1" applyFont="1" applyBorder="1" applyAlignment="1">
      <alignment horizontal="right" vertical="center"/>
    </xf>
    <xf numFmtId="4" fontId="1" fillId="0" borderId="7" xfId="0" applyNumberFormat="1" applyFont="1" applyBorder="1" applyAlignment="1">
      <alignment horizontal="right" vertical="center"/>
    </xf>
    <xf numFmtId="3" fontId="1" fillId="0" borderId="7" xfId="0" applyNumberFormat="1" applyFont="1" applyBorder="1" applyAlignment="1">
      <alignment horizontal="right" vertical="center"/>
    </xf>
    <xf numFmtId="177" fontId="1" fillId="0" borderId="9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177" fontId="1" fillId="0" borderId="10" xfId="0" applyNumberFormat="1" applyFont="1" applyBorder="1" applyAlignment="1">
      <alignment horizontal="center" vertical="center"/>
    </xf>
    <xf numFmtId="177" fontId="1" fillId="0" borderId="6" xfId="0" applyNumberFormat="1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177" fontId="1" fillId="0" borderId="4" xfId="0" applyNumberFormat="1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176" fontId="1" fillId="0" borderId="9" xfId="0" applyNumberFormat="1" applyFont="1" applyBorder="1" applyAlignment="1">
      <alignment vertical="center"/>
    </xf>
    <xf numFmtId="4" fontId="1" fillId="0" borderId="9" xfId="0" applyNumberFormat="1" applyFont="1" applyBorder="1" applyAlignment="1">
      <alignment vertical="center"/>
    </xf>
    <xf numFmtId="3" fontId="1" fillId="0" borderId="9" xfId="0" applyNumberFormat="1" applyFont="1" applyBorder="1" applyAlignment="1">
      <alignment vertical="center"/>
    </xf>
    <xf numFmtId="3" fontId="1" fillId="0" borderId="6" xfId="0" applyNumberFormat="1" applyFont="1" applyBorder="1" applyAlignment="1">
      <alignment horizontal="right" vertical="center"/>
    </xf>
    <xf numFmtId="178" fontId="1" fillId="0" borderId="9" xfId="0" applyNumberFormat="1" applyFont="1" applyBorder="1" applyAlignment="1">
      <alignment horizontal="right" vertical="center"/>
    </xf>
    <xf numFmtId="178" fontId="1" fillId="0" borderId="9" xfId="0" applyNumberFormat="1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118786-8E64-495E-9ECF-8477345FAB38}">
  <dimension ref="A1:S35"/>
  <sheetViews>
    <sheetView showGridLines="0" tabSelected="1" view="pageBreakPreview" zoomScaleNormal="100" zoomScaleSheetLayoutView="100" workbookViewId="0">
      <pane xSplit="2" ySplit="5" topLeftCell="C6" activePane="bottomRight" state="frozen"/>
      <selection activeCell="N13" sqref="N13"/>
      <selection pane="topRight" activeCell="N13" sqref="N13"/>
      <selection pane="bottomLeft" activeCell="N13" sqref="N13"/>
      <selection pane="bottomRight" activeCell="F38" sqref="F38"/>
    </sheetView>
  </sheetViews>
  <sheetFormatPr defaultColWidth="10.7265625" defaultRowHeight="15" customHeight="1"/>
  <cols>
    <col min="1" max="1" width="4.6328125" style="1" customWidth="1"/>
    <col min="2" max="2" width="12.6328125" style="1" customWidth="1"/>
    <col min="3" max="6" width="9.6328125" style="2" customWidth="1"/>
    <col min="7" max="10" width="8.6328125" style="3" customWidth="1"/>
    <col min="11" max="18" width="9.6328125" style="4" customWidth="1"/>
    <col min="19" max="19" width="4.453125" style="2" bestFit="1" customWidth="1"/>
    <col min="20" max="256" width="10.7265625" style="2"/>
    <col min="257" max="257" width="4.6328125" style="2" customWidth="1"/>
    <col min="258" max="258" width="12.6328125" style="2" customWidth="1"/>
    <col min="259" max="262" width="9.6328125" style="2" customWidth="1"/>
    <col min="263" max="266" width="8.6328125" style="2" customWidth="1"/>
    <col min="267" max="274" width="9.6328125" style="2" customWidth="1"/>
    <col min="275" max="275" width="4.453125" style="2" bestFit="1" customWidth="1"/>
    <col min="276" max="512" width="10.7265625" style="2"/>
    <col min="513" max="513" width="4.6328125" style="2" customWidth="1"/>
    <col min="514" max="514" width="12.6328125" style="2" customWidth="1"/>
    <col min="515" max="518" width="9.6328125" style="2" customWidth="1"/>
    <col min="519" max="522" width="8.6328125" style="2" customWidth="1"/>
    <col min="523" max="530" width="9.6328125" style="2" customWidth="1"/>
    <col min="531" max="531" width="4.453125" style="2" bestFit="1" customWidth="1"/>
    <col min="532" max="768" width="10.7265625" style="2"/>
    <col min="769" max="769" width="4.6328125" style="2" customWidth="1"/>
    <col min="770" max="770" width="12.6328125" style="2" customWidth="1"/>
    <col min="771" max="774" width="9.6328125" style="2" customWidth="1"/>
    <col min="775" max="778" width="8.6328125" style="2" customWidth="1"/>
    <col min="779" max="786" width="9.6328125" style="2" customWidth="1"/>
    <col min="787" max="787" width="4.453125" style="2" bestFit="1" customWidth="1"/>
    <col min="788" max="1024" width="10.7265625" style="2"/>
    <col min="1025" max="1025" width="4.6328125" style="2" customWidth="1"/>
    <col min="1026" max="1026" width="12.6328125" style="2" customWidth="1"/>
    <col min="1027" max="1030" width="9.6328125" style="2" customWidth="1"/>
    <col min="1031" max="1034" width="8.6328125" style="2" customWidth="1"/>
    <col min="1035" max="1042" width="9.6328125" style="2" customWidth="1"/>
    <col min="1043" max="1043" width="4.453125" style="2" bestFit="1" customWidth="1"/>
    <col min="1044" max="1280" width="10.7265625" style="2"/>
    <col min="1281" max="1281" width="4.6328125" style="2" customWidth="1"/>
    <col min="1282" max="1282" width="12.6328125" style="2" customWidth="1"/>
    <col min="1283" max="1286" width="9.6328125" style="2" customWidth="1"/>
    <col min="1287" max="1290" width="8.6328125" style="2" customWidth="1"/>
    <col min="1291" max="1298" width="9.6328125" style="2" customWidth="1"/>
    <col min="1299" max="1299" width="4.453125" style="2" bestFit="1" customWidth="1"/>
    <col min="1300" max="1536" width="10.7265625" style="2"/>
    <col min="1537" max="1537" width="4.6328125" style="2" customWidth="1"/>
    <col min="1538" max="1538" width="12.6328125" style="2" customWidth="1"/>
    <col min="1539" max="1542" width="9.6328125" style="2" customWidth="1"/>
    <col min="1543" max="1546" width="8.6328125" style="2" customWidth="1"/>
    <col min="1547" max="1554" width="9.6328125" style="2" customWidth="1"/>
    <col min="1555" max="1555" width="4.453125" style="2" bestFit="1" customWidth="1"/>
    <col min="1556" max="1792" width="10.7265625" style="2"/>
    <col min="1793" max="1793" width="4.6328125" style="2" customWidth="1"/>
    <col min="1794" max="1794" width="12.6328125" style="2" customWidth="1"/>
    <col min="1795" max="1798" width="9.6328125" style="2" customWidth="1"/>
    <col min="1799" max="1802" width="8.6328125" style="2" customWidth="1"/>
    <col min="1803" max="1810" width="9.6328125" style="2" customWidth="1"/>
    <col min="1811" max="1811" width="4.453125" style="2" bestFit="1" customWidth="1"/>
    <col min="1812" max="2048" width="10.7265625" style="2"/>
    <col min="2049" max="2049" width="4.6328125" style="2" customWidth="1"/>
    <col min="2050" max="2050" width="12.6328125" style="2" customWidth="1"/>
    <col min="2051" max="2054" width="9.6328125" style="2" customWidth="1"/>
    <col min="2055" max="2058" width="8.6328125" style="2" customWidth="1"/>
    <col min="2059" max="2066" width="9.6328125" style="2" customWidth="1"/>
    <col min="2067" max="2067" width="4.453125" style="2" bestFit="1" customWidth="1"/>
    <col min="2068" max="2304" width="10.7265625" style="2"/>
    <col min="2305" max="2305" width="4.6328125" style="2" customWidth="1"/>
    <col min="2306" max="2306" width="12.6328125" style="2" customWidth="1"/>
    <col min="2307" max="2310" width="9.6328125" style="2" customWidth="1"/>
    <col min="2311" max="2314" width="8.6328125" style="2" customWidth="1"/>
    <col min="2315" max="2322" width="9.6328125" style="2" customWidth="1"/>
    <col min="2323" max="2323" width="4.453125" style="2" bestFit="1" customWidth="1"/>
    <col min="2324" max="2560" width="10.7265625" style="2"/>
    <col min="2561" max="2561" width="4.6328125" style="2" customWidth="1"/>
    <col min="2562" max="2562" width="12.6328125" style="2" customWidth="1"/>
    <col min="2563" max="2566" width="9.6328125" style="2" customWidth="1"/>
    <col min="2567" max="2570" width="8.6328125" style="2" customWidth="1"/>
    <col min="2571" max="2578" width="9.6328125" style="2" customWidth="1"/>
    <col min="2579" max="2579" width="4.453125" style="2" bestFit="1" customWidth="1"/>
    <col min="2580" max="2816" width="10.7265625" style="2"/>
    <col min="2817" max="2817" width="4.6328125" style="2" customWidth="1"/>
    <col min="2818" max="2818" width="12.6328125" style="2" customWidth="1"/>
    <col min="2819" max="2822" width="9.6328125" style="2" customWidth="1"/>
    <col min="2823" max="2826" width="8.6328125" style="2" customWidth="1"/>
    <col min="2827" max="2834" width="9.6328125" style="2" customWidth="1"/>
    <col min="2835" max="2835" width="4.453125" style="2" bestFit="1" customWidth="1"/>
    <col min="2836" max="3072" width="10.7265625" style="2"/>
    <col min="3073" max="3073" width="4.6328125" style="2" customWidth="1"/>
    <col min="3074" max="3074" width="12.6328125" style="2" customWidth="1"/>
    <col min="3075" max="3078" width="9.6328125" style="2" customWidth="1"/>
    <col min="3079" max="3082" width="8.6328125" style="2" customWidth="1"/>
    <col min="3083" max="3090" width="9.6328125" style="2" customWidth="1"/>
    <col min="3091" max="3091" width="4.453125" style="2" bestFit="1" customWidth="1"/>
    <col min="3092" max="3328" width="10.7265625" style="2"/>
    <col min="3329" max="3329" width="4.6328125" style="2" customWidth="1"/>
    <col min="3330" max="3330" width="12.6328125" style="2" customWidth="1"/>
    <col min="3331" max="3334" width="9.6328125" style="2" customWidth="1"/>
    <col min="3335" max="3338" width="8.6328125" style="2" customWidth="1"/>
    <col min="3339" max="3346" width="9.6328125" style="2" customWidth="1"/>
    <col min="3347" max="3347" width="4.453125" style="2" bestFit="1" customWidth="1"/>
    <col min="3348" max="3584" width="10.7265625" style="2"/>
    <col min="3585" max="3585" width="4.6328125" style="2" customWidth="1"/>
    <col min="3586" max="3586" width="12.6328125" style="2" customWidth="1"/>
    <col min="3587" max="3590" width="9.6328125" style="2" customWidth="1"/>
    <col min="3591" max="3594" width="8.6328125" style="2" customWidth="1"/>
    <col min="3595" max="3602" width="9.6328125" style="2" customWidth="1"/>
    <col min="3603" max="3603" width="4.453125" style="2" bestFit="1" customWidth="1"/>
    <col min="3604" max="3840" width="10.7265625" style="2"/>
    <col min="3841" max="3841" width="4.6328125" style="2" customWidth="1"/>
    <col min="3842" max="3842" width="12.6328125" style="2" customWidth="1"/>
    <col min="3843" max="3846" width="9.6328125" style="2" customWidth="1"/>
    <col min="3847" max="3850" width="8.6328125" style="2" customWidth="1"/>
    <col min="3851" max="3858" width="9.6328125" style="2" customWidth="1"/>
    <col min="3859" max="3859" width="4.453125" style="2" bestFit="1" customWidth="1"/>
    <col min="3860" max="4096" width="10.7265625" style="2"/>
    <col min="4097" max="4097" width="4.6328125" style="2" customWidth="1"/>
    <col min="4098" max="4098" width="12.6328125" style="2" customWidth="1"/>
    <col min="4099" max="4102" width="9.6328125" style="2" customWidth="1"/>
    <col min="4103" max="4106" width="8.6328125" style="2" customWidth="1"/>
    <col min="4107" max="4114" width="9.6328125" style="2" customWidth="1"/>
    <col min="4115" max="4115" width="4.453125" style="2" bestFit="1" customWidth="1"/>
    <col min="4116" max="4352" width="10.7265625" style="2"/>
    <col min="4353" max="4353" width="4.6328125" style="2" customWidth="1"/>
    <col min="4354" max="4354" width="12.6328125" style="2" customWidth="1"/>
    <col min="4355" max="4358" width="9.6328125" style="2" customWidth="1"/>
    <col min="4359" max="4362" width="8.6328125" style="2" customWidth="1"/>
    <col min="4363" max="4370" width="9.6328125" style="2" customWidth="1"/>
    <col min="4371" max="4371" width="4.453125" style="2" bestFit="1" customWidth="1"/>
    <col min="4372" max="4608" width="10.7265625" style="2"/>
    <col min="4609" max="4609" width="4.6328125" style="2" customWidth="1"/>
    <col min="4610" max="4610" width="12.6328125" style="2" customWidth="1"/>
    <col min="4611" max="4614" width="9.6328125" style="2" customWidth="1"/>
    <col min="4615" max="4618" width="8.6328125" style="2" customWidth="1"/>
    <col min="4619" max="4626" width="9.6328125" style="2" customWidth="1"/>
    <col min="4627" max="4627" width="4.453125" style="2" bestFit="1" customWidth="1"/>
    <col min="4628" max="4864" width="10.7265625" style="2"/>
    <col min="4865" max="4865" width="4.6328125" style="2" customWidth="1"/>
    <col min="4866" max="4866" width="12.6328125" style="2" customWidth="1"/>
    <col min="4867" max="4870" width="9.6328125" style="2" customWidth="1"/>
    <col min="4871" max="4874" width="8.6328125" style="2" customWidth="1"/>
    <col min="4875" max="4882" width="9.6328125" style="2" customWidth="1"/>
    <col min="4883" max="4883" width="4.453125" style="2" bestFit="1" customWidth="1"/>
    <col min="4884" max="5120" width="10.7265625" style="2"/>
    <col min="5121" max="5121" width="4.6328125" style="2" customWidth="1"/>
    <col min="5122" max="5122" width="12.6328125" style="2" customWidth="1"/>
    <col min="5123" max="5126" width="9.6328125" style="2" customWidth="1"/>
    <col min="5127" max="5130" width="8.6328125" style="2" customWidth="1"/>
    <col min="5131" max="5138" width="9.6328125" style="2" customWidth="1"/>
    <col min="5139" max="5139" width="4.453125" style="2" bestFit="1" customWidth="1"/>
    <col min="5140" max="5376" width="10.7265625" style="2"/>
    <col min="5377" max="5377" width="4.6328125" style="2" customWidth="1"/>
    <col min="5378" max="5378" width="12.6328125" style="2" customWidth="1"/>
    <col min="5379" max="5382" width="9.6328125" style="2" customWidth="1"/>
    <col min="5383" max="5386" width="8.6328125" style="2" customWidth="1"/>
    <col min="5387" max="5394" width="9.6328125" style="2" customWidth="1"/>
    <col min="5395" max="5395" width="4.453125" style="2" bestFit="1" customWidth="1"/>
    <col min="5396" max="5632" width="10.7265625" style="2"/>
    <col min="5633" max="5633" width="4.6328125" style="2" customWidth="1"/>
    <col min="5634" max="5634" width="12.6328125" style="2" customWidth="1"/>
    <col min="5635" max="5638" width="9.6328125" style="2" customWidth="1"/>
    <col min="5639" max="5642" width="8.6328125" style="2" customWidth="1"/>
    <col min="5643" max="5650" width="9.6328125" style="2" customWidth="1"/>
    <col min="5651" max="5651" width="4.453125" style="2" bestFit="1" customWidth="1"/>
    <col min="5652" max="5888" width="10.7265625" style="2"/>
    <col min="5889" max="5889" width="4.6328125" style="2" customWidth="1"/>
    <col min="5890" max="5890" width="12.6328125" style="2" customWidth="1"/>
    <col min="5891" max="5894" width="9.6328125" style="2" customWidth="1"/>
    <col min="5895" max="5898" width="8.6328125" style="2" customWidth="1"/>
    <col min="5899" max="5906" width="9.6328125" style="2" customWidth="1"/>
    <col min="5907" max="5907" width="4.453125" style="2" bestFit="1" customWidth="1"/>
    <col min="5908" max="6144" width="10.7265625" style="2"/>
    <col min="6145" max="6145" width="4.6328125" style="2" customWidth="1"/>
    <col min="6146" max="6146" width="12.6328125" style="2" customWidth="1"/>
    <col min="6147" max="6150" width="9.6328125" style="2" customWidth="1"/>
    <col min="6151" max="6154" width="8.6328125" style="2" customWidth="1"/>
    <col min="6155" max="6162" width="9.6328125" style="2" customWidth="1"/>
    <col min="6163" max="6163" width="4.453125" style="2" bestFit="1" customWidth="1"/>
    <col min="6164" max="6400" width="10.7265625" style="2"/>
    <col min="6401" max="6401" width="4.6328125" style="2" customWidth="1"/>
    <col min="6402" max="6402" width="12.6328125" style="2" customWidth="1"/>
    <col min="6403" max="6406" width="9.6328125" style="2" customWidth="1"/>
    <col min="6407" max="6410" width="8.6328125" style="2" customWidth="1"/>
    <col min="6411" max="6418" width="9.6328125" style="2" customWidth="1"/>
    <col min="6419" max="6419" width="4.453125" style="2" bestFit="1" customWidth="1"/>
    <col min="6420" max="6656" width="10.7265625" style="2"/>
    <col min="6657" max="6657" width="4.6328125" style="2" customWidth="1"/>
    <col min="6658" max="6658" width="12.6328125" style="2" customWidth="1"/>
    <col min="6659" max="6662" width="9.6328125" style="2" customWidth="1"/>
    <col min="6663" max="6666" width="8.6328125" style="2" customWidth="1"/>
    <col min="6667" max="6674" width="9.6328125" style="2" customWidth="1"/>
    <col min="6675" max="6675" width="4.453125" style="2" bestFit="1" customWidth="1"/>
    <col min="6676" max="6912" width="10.7265625" style="2"/>
    <col min="6913" max="6913" width="4.6328125" style="2" customWidth="1"/>
    <col min="6914" max="6914" width="12.6328125" style="2" customWidth="1"/>
    <col min="6915" max="6918" width="9.6328125" style="2" customWidth="1"/>
    <col min="6919" max="6922" width="8.6328125" style="2" customWidth="1"/>
    <col min="6923" max="6930" width="9.6328125" style="2" customWidth="1"/>
    <col min="6931" max="6931" width="4.453125" style="2" bestFit="1" customWidth="1"/>
    <col min="6932" max="7168" width="10.7265625" style="2"/>
    <col min="7169" max="7169" width="4.6328125" style="2" customWidth="1"/>
    <col min="7170" max="7170" width="12.6328125" style="2" customWidth="1"/>
    <col min="7171" max="7174" width="9.6328125" style="2" customWidth="1"/>
    <col min="7175" max="7178" width="8.6328125" style="2" customWidth="1"/>
    <col min="7179" max="7186" width="9.6328125" style="2" customWidth="1"/>
    <col min="7187" max="7187" width="4.453125" style="2" bestFit="1" customWidth="1"/>
    <col min="7188" max="7424" width="10.7265625" style="2"/>
    <col min="7425" max="7425" width="4.6328125" style="2" customWidth="1"/>
    <col min="7426" max="7426" width="12.6328125" style="2" customWidth="1"/>
    <col min="7427" max="7430" width="9.6328125" style="2" customWidth="1"/>
    <col min="7431" max="7434" width="8.6328125" style="2" customWidth="1"/>
    <col min="7435" max="7442" width="9.6328125" style="2" customWidth="1"/>
    <col min="7443" max="7443" width="4.453125" style="2" bestFit="1" customWidth="1"/>
    <col min="7444" max="7680" width="10.7265625" style="2"/>
    <col min="7681" max="7681" width="4.6328125" style="2" customWidth="1"/>
    <col min="7682" max="7682" width="12.6328125" style="2" customWidth="1"/>
    <col min="7683" max="7686" width="9.6328125" style="2" customWidth="1"/>
    <col min="7687" max="7690" width="8.6328125" style="2" customWidth="1"/>
    <col min="7691" max="7698" width="9.6328125" style="2" customWidth="1"/>
    <col min="7699" max="7699" width="4.453125" style="2" bestFit="1" customWidth="1"/>
    <col min="7700" max="7936" width="10.7265625" style="2"/>
    <col min="7937" max="7937" width="4.6328125" style="2" customWidth="1"/>
    <col min="7938" max="7938" width="12.6328125" style="2" customWidth="1"/>
    <col min="7939" max="7942" width="9.6328125" style="2" customWidth="1"/>
    <col min="7943" max="7946" width="8.6328125" style="2" customWidth="1"/>
    <col min="7947" max="7954" width="9.6328125" style="2" customWidth="1"/>
    <col min="7955" max="7955" width="4.453125" style="2" bestFit="1" customWidth="1"/>
    <col min="7956" max="8192" width="10.7265625" style="2"/>
    <col min="8193" max="8193" width="4.6328125" style="2" customWidth="1"/>
    <col min="8194" max="8194" width="12.6328125" style="2" customWidth="1"/>
    <col min="8195" max="8198" width="9.6328125" style="2" customWidth="1"/>
    <col min="8199" max="8202" width="8.6328125" style="2" customWidth="1"/>
    <col min="8203" max="8210" width="9.6328125" style="2" customWidth="1"/>
    <col min="8211" max="8211" width="4.453125" style="2" bestFit="1" customWidth="1"/>
    <col min="8212" max="8448" width="10.7265625" style="2"/>
    <col min="8449" max="8449" width="4.6328125" style="2" customWidth="1"/>
    <col min="8450" max="8450" width="12.6328125" style="2" customWidth="1"/>
    <col min="8451" max="8454" width="9.6328125" style="2" customWidth="1"/>
    <col min="8455" max="8458" width="8.6328125" style="2" customWidth="1"/>
    <col min="8459" max="8466" width="9.6328125" style="2" customWidth="1"/>
    <col min="8467" max="8467" width="4.453125" style="2" bestFit="1" customWidth="1"/>
    <col min="8468" max="8704" width="10.7265625" style="2"/>
    <col min="8705" max="8705" width="4.6328125" style="2" customWidth="1"/>
    <col min="8706" max="8706" width="12.6328125" style="2" customWidth="1"/>
    <col min="8707" max="8710" width="9.6328125" style="2" customWidth="1"/>
    <col min="8711" max="8714" width="8.6328125" style="2" customWidth="1"/>
    <col min="8715" max="8722" width="9.6328125" style="2" customWidth="1"/>
    <col min="8723" max="8723" width="4.453125" style="2" bestFit="1" customWidth="1"/>
    <col min="8724" max="8960" width="10.7265625" style="2"/>
    <col min="8961" max="8961" width="4.6328125" style="2" customWidth="1"/>
    <col min="8962" max="8962" width="12.6328125" style="2" customWidth="1"/>
    <col min="8963" max="8966" width="9.6328125" style="2" customWidth="1"/>
    <col min="8967" max="8970" width="8.6328125" style="2" customWidth="1"/>
    <col min="8971" max="8978" width="9.6328125" style="2" customWidth="1"/>
    <col min="8979" max="8979" width="4.453125" style="2" bestFit="1" customWidth="1"/>
    <col min="8980" max="9216" width="10.7265625" style="2"/>
    <col min="9217" max="9217" width="4.6328125" style="2" customWidth="1"/>
    <col min="9218" max="9218" width="12.6328125" style="2" customWidth="1"/>
    <col min="9219" max="9222" width="9.6328125" style="2" customWidth="1"/>
    <col min="9223" max="9226" width="8.6328125" style="2" customWidth="1"/>
    <col min="9227" max="9234" width="9.6328125" style="2" customWidth="1"/>
    <col min="9235" max="9235" width="4.453125" style="2" bestFit="1" customWidth="1"/>
    <col min="9236" max="9472" width="10.7265625" style="2"/>
    <col min="9473" max="9473" width="4.6328125" style="2" customWidth="1"/>
    <col min="9474" max="9474" width="12.6328125" style="2" customWidth="1"/>
    <col min="9475" max="9478" width="9.6328125" style="2" customWidth="1"/>
    <col min="9479" max="9482" width="8.6328125" style="2" customWidth="1"/>
    <col min="9483" max="9490" width="9.6328125" style="2" customWidth="1"/>
    <col min="9491" max="9491" width="4.453125" style="2" bestFit="1" customWidth="1"/>
    <col min="9492" max="9728" width="10.7265625" style="2"/>
    <col min="9729" max="9729" width="4.6328125" style="2" customWidth="1"/>
    <col min="9730" max="9730" width="12.6328125" style="2" customWidth="1"/>
    <col min="9731" max="9734" width="9.6328125" style="2" customWidth="1"/>
    <col min="9735" max="9738" width="8.6328125" style="2" customWidth="1"/>
    <col min="9739" max="9746" width="9.6328125" style="2" customWidth="1"/>
    <col min="9747" max="9747" width="4.453125" style="2" bestFit="1" customWidth="1"/>
    <col min="9748" max="9984" width="10.7265625" style="2"/>
    <col min="9985" max="9985" width="4.6328125" style="2" customWidth="1"/>
    <col min="9986" max="9986" width="12.6328125" style="2" customWidth="1"/>
    <col min="9987" max="9990" width="9.6328125" style="2" customWidth="1"/>
    <col min="9991" max="9994" width="8.6328125" style="2" customWidth="1"/>
    <col min="9995" max="10002" width="9.6328125" style="2" customWidth="1"/>
    <col min="10003" max="10003" width="4.453125" style="2" bestFit="1" customWidth="1"/>
    <col min="10004" max="10240" width="10.7265625" style="2"/>
    <col min="10241" max="10241" width="4.6328125" style="2" customWidth="1"/>
    <col min="10242" max="10242" width="12.6328125" style="2" customWidth="1"/>
    <col min="10243" max="10246" width="9.6328125" style="2" customWidth="1"/>
    <col min="10247" max="10250" width="8.6328125" style="2" customWidth="1"/>
    <col min="10251" max="10258" width="9.6328125" style="2" customWidth="1"/>
    <col min="10259" max="10259" width="4.453125" style="2" bestFit="1" customWidth="1"/>
    <col min="10260" max="10496" width="10.7265625" style="2"/>
    <col min="10497" max="10497" width="4.6328125" style="2" customWidth="1"/>
    <col min="10498" max="10498" width="12.6328125" style="2" customWidth="1"/>
    <col min="10499" max="10502" width="9.6328125" style="2" customWidth="1"/>
    <col min="10503" max="10506" width="8.6328125" style="2" customWidth="1"/>
    <col min="10507" max="10514" width="9.6328125" style="2" customWidth="1"/>
    <col min="10515" max="10515" width="4.453125" style="2" bestFit="1" customWidth="1"/>
    <col min="10516" max="10752" width="10.7265625" style="2"/>
    <col min="10753" max="10753" width="4.6328125" style="2" customWidth="1"/>
    <col min="10754" max="10754" width="12.6328125" style="2" customWidth="1"/>
    <col min="10755" max="10758" width="9.6328125" style="2" customWidth="1"/>
    <col min="10759" max="10762" width="8.6328125" style="2" customWidth="1"/>
    <col min="10763" max="10770" width="9.6328125" style="2" customWidth="1"/>
    <col min="10771" max="10771" width="4.453125" style="2" bestFit="1" customWidth="1"/>
    <col min="10772" max="11008" width="10.7265625" style="2"/>
    <col min="11009" max="11009" width="4.6328125" style="2" customWidth="1"/>
    <col min="11010" max="11010" width="12.6328125" style="2" customWidth="1"/>
    <col min="11011" max="11014" width="9.6328125" style="2" customWidth="1"/>
    <col min="11015" max="11018" width="8.6328125" style="2" customWidth="1"/>
    <col min="11019" max="11026" width="9.6328125" style="2" customWidth="1"/>
    <col min="11027" max="11027" width="4.453125" style="2" bestFit="1" customWidth="1"/>
    <col min="11028" max="11264" width="10.7265625" style="2"/>
    <col min="11265" max="11265" width="4.6328125" style="2" customWidth="1"/>
    <col min="11266" max="11266" width="12.6328125" style="2" customWidth="1"/>
    <col min="11267" max="11270" width="9.6328125" style="2" customWidth="1"/>
    <col min="11271" max="11274" width="8.6328125" style="2" customWidth="1"/>
    <col min="11275" max="11282" width="9.6328125" style="2" customWidth="1"/>
    <col min="11283" max="11283" width="4.453125" style="2" bestFit="1" customWidth="1"/>
    <col min="11284" max="11520" width="10.7265625" style="2"/>
    <col min="11521" max="11521" width="4.6328125" style="2" customWidth="1"/>
    <col min="11522" max="11522" width="12.6328125" style="2" customWidth="1"/>
    <col min="11523" max="11526" width="9.6328125" style="2" customWidth="1"/>
    <col min="11527" max="11530" width="8.6328125" style="2" customWidth="1"/>
    <col min="11531" max="11538" width="9.6328125" style="2" customWidth="1"/>
    <col min="11539" max="11539" width="4.453125" style="2" bestFit="1" customWidth="1"/>
    <col min="11540" max="11776" width="10.7265625" style="2"/>
    <col min="11777" max="11777" width="4.6328125" style="2" customWidth="1"/>
    <col min="11778" max="11778" width="12.6328125" style="2" customWidth="1"/>
    <col min="11779" max="11782" width="9.6328125" style="2" customWidth="1"/>
    <col min="11783" max="11786" width="8.6328125" style="2" customWidth="1"/>
    <col min="11787" max="11794" width="9.6328125" style="2" customWidth="1"/>
    <col min="11795" max="11795" width="4.453125" style="2" bestFit="1" customWidth="1"/>
    <col min="11796" max="12032" width="10.7265625" style="2"/>
    <col min="12033" max="12033" width="4.6328125" style="2" customWidth="1"/>
    <col min="12034" max="12034" width="12.6328125" style="2" customWidth="1"/>
    <col min="12035" max="12038" width="9.6328125" style="2" customWidth="1"/>
    <col min="12039" max="12042" width="8.6328125" style="2" customWidth="1"/>
    <col min="12043" max="12050" width="9.6328125" style="2" customWidth="1"/>
    <col min="12051" max="12051" width="4.453125" style="2" bestFit="1" customWidth="1"/>
    <col min="12052" max="12288" width="10.7265625" style="2"/>
    <col min="12289" max="12289" width="4.6328125" style="2" customWidth="1"/>
    <col min="12290" max="12290" width="12.6328125" style="2" customWidth="1"/>
    <col min="12291" max="12294" width="9.6328125" style="2" customWidth="1"/>
    <col min="12295" max="12298" width="8.6328125" style="2" customWidth="1"/>
    <col min="12299" max="12306" width="9.6328125" style="2" customWidth="1"/>
    <col min="12307" max="12307" width="4.453125" style="2" bestFit="1" customWidth="1"/>
    <col min="12308" max="12544" width="10.7265625" style="2"/>
    <col min="12545" max="12545" width="4.6328125" style="2" customWidth="1"/>
    <col min="12546" max="12546" width="12.6328125" style="2" customWidth="1"/>
    <col min="12547" max="12550" width="9.6328125" style="2" customWidth="1"/>
    <col min="12551" max="12554" width="8.6328125" style="2" customWidth="1"/>
    <col min="12555" max="12562" width="9.6328125" style="2" customWidth="1"/>
    <col min="12563" max="12563" width="4.453125" style="2" bestFit="1" customWidth="1"/>
    <col min="12564" max="12800" width="10.7265625" style="2"/>
    <col min="12801" max="12801" width="4.6328125" style="2" customWidth="1"/>
    <col min="12802" max="12802" width="12.6328125" style="2" customWidth="1"/>
    <col min="12803" max="12806" width="9.6328125" style="2" customWidth="1"/>
    <col min="12807" max="12810" width="8.6328125" style="2" customWidth="1"/>
    <col min="12811" max="12818" width="9.6328125" style="2" customWidth="1"/>
    <col min="12819" max="12819" width="4.453125" style="2" bestFit="1" customWidth="1"/>
    <col min="12820" max="13056" width="10.7265625" style="2"/>
    <col min="13057" max="13057" width="4.6328125" style="2" customWidth="1"/>
    <col min="13058" max="13058" width="12.6328125" style="2" customWidth="1"/>
    <col min="13059" max="13062" width="9.6328125" style="2" customWidth="1"/>
    <col min="13063" max="13066" width="8.6328125" style="2" customWidth="1"/>
    <col min="13067" max="13074" width="9.6328125" style="2" customWidth="1"/>
    <col min="13075" max="13075" width="4.453125" style="2" bestFit="1" customWidth="1"/>
    <col min="13076" max="13312" width="10.7265625" style="2"/>
    <col min="13313" max="13313" width="4.6328125" style="2" customWidth="1"/>
    <col min="13314" max="13314" width="12.6328125" style="2" customWidth="1"/>
    <col min="13315" max="13318" width="9.6328125" style="2" customWidth="1"/>
    <col min="13319" max="13322" width="8.6328125" style="2" customWidth="1"/>
    <col min="13323" max="13330" width="9.6328125" style="2" customWidth="1"/>
    <col min="13331" max="13331" width="4.453125" style="2" bestFit="1" customWidth="1"/>
    <col min="13332" max="13568" width="10.7265625" style="2"/>
    <col min="13569" max="13569" width="4.6328125" style="2" customWidth="1"/>
    <col min="13570" max="13570" width="12.6328125" style="2" customWidth="1"/>
    <col min="13571" max="13574" width="9.6328125" style="2" customWidth="1"/>
    <col min="13575" max="13578" width="8.6328125" style="2" customWidth="1"/>
    <col min="13579" max="13586" width="9.6328125" style="2" customWidth="1"/>
    <col min="13587" max="13587" width="4.453125" style="2" bestFit="1" customWidth="1"/>
    <col min="13588" max="13824" width="10.7265625" style="2"/>
    <col min="13825" max="13825" width="4.6328125" style="2" customWidth="1"/>
    <col min="13826" max="13826" width="12.6328125" style="2" customWidth="1"/>
    <col min="13827" max="13830" width="9.6328125" style="2" customWidth="1"/>
    <col min="13831" max="13834" width="8.6328125" style="2" customWidth="1"/>
    <col min="13835" max="13842" width="9.6328125" style="2" customWidth="1"/>
    <col min="13843" max="13843" width="4.453125" style="2" bestFit="1" customWidth="1"/>
    <col min="13844" max="14080" width="10.7265625" style="2"/>
    <col min="14081" max="14081" width="4.6328125" style="2" customWidth="1"/>
    <col min="14082" max="14082" width="12.6328125" style="2" customWidth="1"/>
    <col min="14083" max="14086" width="9.6328125" style="2" customWidth="1"/>
    <col min="14087" max="14090" width="8.6328125" style="2" customWidth="1"/>
    <col min="14091" max="14098" width="9.6328125" style="2" customWidth="1"/>
    <col min="14099" max="14099" width="4.453125" style="2" bestFit="1" customWidth="1"/>
    <col min="14100" max="14336" width="10.7265625" style="2"/>
    <col min="14337" max="14337" width="4.6328125" style="2" customWidth="1"/>
    <col min="14338" max="14338" width="12.6328125" style="2" customWidth="1"/>
    <col min="14339" max="14342" width="9.6328125" style="2" customWidth="1"/>
    <col min="14343" max="14346" width="8.6328125" style="2" customWidth="1"/>
    <col min="14347" max="14354" width="9.6328125" style="2" customWidth="1"/>
    <col min="14355" max="14355" width="4.453125" style="2" bestFit="1" customWidth="1"/>
    <col min="14356" max="14592" width="10.7265625" style="2"/>
    <col min="14593" max="14593" width="4.6328125" style="2" customWidth="1"/>
    <col min="14594" max="14594" width="12.6328125" style="2" customWidth="1"/>
    <col min="14595" max="14598" width="9.6328125" style="2" customWidth="1"/>
    <col min="14599" max="14602" width="8.6328125" style="2" customWidth="1"/>
    <col min="14603" max="14610" width="9.6328125" style="2" customWidth="1"/>
    <col min="14611" max="14611" width="4.453125" style="2" bestFit="1" customWidth="1"/>
    <col min="14612" max="14848" width="10.7265625" style="2"/>
    <col min="14849" max="14849" width="4.6328125" style="2" customWidth="1"/>
    <col min="14850" max="14850" width="12.6328125" style="2" customWidth="1"/>
    <col min="14851" max="14854" width="9.6328125" style="2" customWidth="1"/>
    <col min="14855" max="14858" width="8.6328125" style="2" customWidth="1"/>
    <col min="14859" max="14866" width="9.6328125" style="2" customWidth="1"/>
    <col min="14867" max="14867" width="4.453125" style="2" bestFit="1" customWidth="1"/>
    <col min="14868" max="15104" width="10.7265625" style="2"/>
    <col min="15105" max="15105" width="4.6328125" style="2" customWidth="1"/>
    <col min="15106" max="15106" width="12.6328125" style="2" customWidth="1"/>
    <col min="15107" max="15110" width="9.6328125" style="2" customWidth="1"/>
    <col min="15111" max="15114" width="8.6328125" style="2" customWidth="1"/>
    <col min="15115" max="15122" width="9.6328125" style="2" customWidth="1"/>
    <col min="15123" max="15123" width="4.453125" style="2" bestFit="1" customWidth="1"/>
    <col min="15124" max="15360" width="10.7265625" style="2"/>
    <col min="15361" max="15361" width="4.6328125" style="2" customWidth="1"/>
    <col min="15362" max="15362" width="12.6328125" style="2" customWidth="1"/>
    <col min="15363" max="15366" width="9.6328125" style="2" customWidth="1"/>
    <col min="15367" max="15370" width="8.6328125" style="2" customWidth="1"/>
    <col min="15371" max="15378" width="9.6328125" style="2" customWidth="1"/>
    <col min="15379" max="15379" width="4.453125" style="2" bestFit="1" customWidth="1"/>
    <col min="15380" max="15616" width="10.7265625" style="2"/>
    <col min="15617" max="15617" width="4.6328125" style="2" customWidth="1"/>
    <col min="15618" max="15618" width="12.6328125" style="2" customWidth="1"/>
    <col min="15619" max="15622" width="9.6328125" style="2" customWidth="1"/>
    <col min="15623" max="15626" width="8.6328125" style="2" customWidth="1"/>
    <col min="15627" max="15634" width="9.6328125" style="2" customWidth="1"/>
    <col min="15635" max="15635" width="4.453125" style="2" bestFit="1" customWidth="1"/>
    <col min="15636" max="15872" width="10.7265625" style="2"/>
    <col min="15873" max="15873" width="4.6328125" style="2" customWidth="1"/>
    <col min="15874" max="15874" width="12.6328125" style="2" customWidth="1"/>
    <col min="15875" max="15878" width="9.6328125" style="2" customWidth="1"/>
    <col min="15879" max="15882" width="8.6328125" style="2" customWidth="1"/>
    <col min="15883" max="15890" width="9.6328125" style="2" customWidth="1"/>
    <col min="15891" max="15891" width="4.453125" style="2" bestFit="1" customWidth="1"/>
    <col min="15892" max="16128" width="10.7265625" style="2"/>
    <col min="16129" max="16129" width="4.6328125" style="2" customWidth="1"/>
    <col min="16130" max="16130" width="12.6328125" style="2" customWidth="1"/>
    <col min="16131" max="16134" width="9.6328125" style="2" customWidth="1"/>
    <col min="16135" max="16138" width="8.6328125" style="2" customWidth="1"/>
    <col min="16139" max="16146" width="9.6328125" style="2" customWidth="1"/>
    <col min="16147" max="16147" width="4.453125" style="2" bestFit="1" customWidth="1"/>
    <col min="16148" max="16384" width="10.7265625" style="2"/>
  </cols>
  <sheetData>
    <row r="1" spans="1:19" ht="15" hidden="1" customHeight="1">
      <c r="A1" s="1" t="s">
        <v>0</v>
      </c>
    </row>
    <row r="2" spans="1:19" ht="15" hidden="1" customHeight="1"/>
    <row r="3" spans="1:19" ht="15" hidden="1" customHeight="1">
      <c r="A3" s="5"/>
      <c r="B3" s="5"/>
      <c r="C3" s="6" t="s">
        <v>1</v>
      </c>
      <c r="D3" s="7"/>
      <c r="E3" s="7"/>
      <c r="F3" s="8"/>
      <c r="G3" s="9" t="s">
        <v>2</v>
      </c>
      <c r="H3" s="10"/>
      <c r="I3" s="10"/>
      <c r="J3" s="11"/>
      <c r="K3" s="12" t="s">
        <v>3</v>
      </c>
      <c r="L3" s="13"/>
      <c r="M3" s="13"/>
      <c r="N3" s="14"/>
      <c r="O3" s="12" t="s">
        <v>4</v>
      </c>
      <c r="P3" s="13"/>
      <c r="Q3" s="13"/>
      <c r="R3" s="14"/>
    </row>
    <row r="4" spans="1:19" ht="15" hidden="1" customHeight="1">
      <c r="A4" s="15"/>
      <c r="B4" s="15"/>
      <c r="C4" s="16" t="s">
        <v>5</v>
      </c>
      <c r="D4" s="16" t="s">
        <v>6</v>
      </c>
      <c r="E4" s="16" t="s">
        <v>7</v>
      </c>
      <c r="F4" s="16" t="s">
        <v>8</v>
      </c>
      <c r="G4" s="17" t="s">
        <v>5</v>
      </c>
      <c r="H4" s="17" t="s">
        <v>6</v>
      </c>
      <c r="I4" s="17" t="s">
        <v>7</v>
      </c>
      <c r="J4" s="17" t="s">
        <v>9</v>
      </c>
      <c r="K4" s="18" t="s">
        <v>5</v>
      </c>
      <c r="L4" s="18" t="s">
        <v>6</v>
      </c>
      <c r="M4" s="18" t="s">
        <v>7</v>
      </c>
      <c r="N4" s="18" t="s">
        <v>9</v>
      </c>
      <c r="O4" s="18" t="s">
        <v>5</v>
      </c>
      <c r="P4" s="18" t="s">
        <v>6</v>
      </c>
      <c r="Q4" s="18" t="s">
        <v>7</v>
      </c>
      <c r="R4" s="18" t="s">
        <v>8</v>
      </c>
    </row>
    <row r="5" spans="1:19" ht="15" hidden="1" customHeight="1">
      <c r="A5" s="15"/>
      <c r="B5" s="15"/>
      <c r="C5" s="19"/>
      <c r="D5" s="19"/>
      <c r="E5" s="19"/>
      <c r="F5" s="19"/>
      <c r="G5" s="20"/>
      <c r="H5" s="20"/>
      <c r="I5" s="20"/>
      <c r="J5" s="20"/>
      <c r="K5" s="21"/>
      <c r="L5" s="21"/>
      <c r="M5" s="21"/>
      <c r="N5" s="21"/>
      <c r="O5" s="21"/>
      <c r="P5" s="21"/>
      <c r="Q5" s="21"/>
      <c r="R5" s="21"/>
    </row>
    <row r="6" spans="1:19" ht="15" hidden="1" customHeight="1"/>
    <row r="7" spans="1:19" ht="15" customHeight="1">
      <c r="A7" s="1" t="s">
        <v>0</v>
      </c>
    </row>
    <row r="8" spans="1:19" ht="15" customHeight="1">
      <c r="A8" s="22" t="s">
        <v>10</v>
      </c>
      <c r="B8" s="23" t="s">
        <v>11</v>
      </c>
      <c r="C8" s="6" t="s">
        <v>1</v>
      </c>
      <c r="D8" s="7"/>
      <c r="E8" s="7"/>
      <c r="F8" s="8"/>
      <c r="G8" s="9" t="s">
        <v>2</v>
      </c>
      <c r="H8" s="10"/>
      <c r="I8" s="10"/>
      <c r="J8" s="11"/>
      <c r="K8" s="12" t="s">
        <v>3</v>
      </c>
      <c r="L8" s="13"/>
      <c r="M8" s="13"/>
      <c r="N8" s="14"/>
      <c r="O8" s="12" t="s">
        <v>4</v>
      </c>
      <c r="P8" s="13"/>
      <c r="Q8" s="13"/>
      <c r="R8" s="14"/>
      <c r="S8" s="24" t="s">
        <v>10</v>
      </c>
    </row>
    <row r="9" spans="1:19" ht="15" customHeight="1">
      <c r="A9" s="25"/>
      <c r="B9" s="26"/>
      <c r="C9" s="16" t="s">
        <v>5</v>
      </c>
      <c r="D9" s="16" t="s">
        <v>6</v>
      </c>
      <c r="E9" s="16" t="s">
        <v>7</v>
      </c>
      <c r="F9" s="16" t="s">
        <v>8</v>
      </c>
      <c r="G9" s="17" t="s">
        <v>5</v>
      </c>
      <c r="H9" s="17" t="s">
        <v>6</v>
      </c>
      <c r="I9" s="17" t="s">
        <v>7</v>
      </c>
      <c r="J9" s="17" t="s">
        <v>9</v>
      </c>
      <c r="K9" s="18" t="s">
        <v>5</v>
      </c>
      <c r="L9" s="18" t="s">
        <v>6</v>
      </c>
      <c r="M9" s="18" t="s">
        <v>7</v>
      </c>
      <c r="N9" s="18" t="s">
        <v>9</v>
      </c>
      <c r="O9" s="18" t="s">
        <v>5</v>
      </c>
      <c r="P9" s="18" t="s">
        <v>6</v>
      </c>
      <c r="Q9" s="18" t="s">
        <v>7</v>
      </c>
      <c r="R9" s="18" t="s">
        <v>8</v>
      </c>
      <c r="S9" s="26"/>
    </row>
    <row r="10" spans="1:19" ht="15" customHeight="1">
      <c r="A10" s="27"/>
      <c r="B10" s="28"/>
      <c r="C10" s="29" t="s">
        <v>12</v>
      </c>
      <c r="D10" s="29" t="s">
        <v>12</v>
      </c>
      <c r="E10" s="29" t="s">
        <v>12</v>
      </c>
      <c r="F10" s="29" t="s">
        <v>12</v>
      </c>
      <c r="G10" s="30" t="s">
        <v>13</v>
      </c>
      <c r="H10" s="30" t="s">
        <v>13</v>
      </c>
      <c r="I10" s="30" t="s">
        <v>13</v>
      </c>
      <c r="J10" s="30" t="s">
        <v>13</v>
      </c>
      <c r="K10" s="31" t="s">
        <v>14</v>
      </c>
      <c r="L10" s="31" t="s">
        <v>15</v>
      </c>
      <c r="M10" s="31" t="s">
        <v>15</v>
      </c>
      <c r="N10" s="31" t="s">
        <v>15</v>
      </c>
      <c r="O10" s="31" t="s">
        <v>15</v>
      </c>
      <c r="P10" s="31" t="s">
        <v>15</v>
      </c>
      <c r="Q10" s="31" t="s">
        <v>15</v>
      </c>
      <c r="R10" s="31" t="s">
        <v>15</v>
      </c>
      <c r="S10" s="28"/>
    </row>
    <row r="11" spans="1:19" ht="15" customHeight="1">
      <c r="A11" s="32"/>
      <c r="B11" s="33" t="s">
        <v>16</v>
      </c>
      <c r="C11" s="40">
        <v>0</v>
      </c>
      <c r="D11" s="40">
        <v>0</v>
      </c>
      <c r="E11" s="40">
        <v>0</v>
      </c>
      <c r="F11" s="40">
        <v>0</v>
      </c>
      <c r="G11" s="41">
        <v>0</v>
      </c>
      <c r="H11" s="41">
        <v>0</v>
      </c>
      <c r="I11" s="41">
        <v>0</v>
      </c>
      <c r="J11" s="41">
        <v>0</v>
      </c>
      <c r="K11" s="42">
        <v>0</v>
      </c>
      <c r="L11" s="42">
        <v>0</v>
      </c>
      <c r="M11" s="42">
        <v>0</v>
      </c>
      <c r="N11" s="42">
        <v>0</v>
      </c>
      <c r="O11" s="42">
        <v>0</v>
      </c>
      <c r="P11" s="42">
        <v>0</v>
      </c>
      <c r="Q11" s="42">
        <v>0</v>
      </c>
      <c r="R11" s="42">
        <v>0</v>
      </c>
      <c r="S11" s="34"/>
    </row>
    <row r="12" spans="1:19" ht="15" customHeight="1">
      <c r="A12" s="35"/>
      <c r="B12" s="36" t="s">
        <v>17</v>
      </c>
      <c r="C12" s="19">
        <v>0</v>
      </c>
      <c r="D12" s="19">
        <v>0</v>
      </c>
      <c r="E12" s="19">
        <v>0</v>
      </c>
      <c r="F12" s="19">
        <v>0</v>
      </c>
      <c r="G12" s="20">
        <v>0</v>
      </c>
      <c r="H12" s="20">
        <v>0</v>
      </c>
      <c r="I12" s="20">
        <v>0</v>
      </c>
      <c r="J12" s="20">
        <v>0</v>
      </c>
      <c r="K12" s="21">
        <v>0</v>
      </c>
      <c r="L12" s="21">
        <v>0</v>
      </c>
      <c r="M12" s="21">
        <v>0</v>
      </c>
      <c r="N12" s="21">
        <v>0</v>
      </c>
      <c r="O12" s="21">
        <v>0</v>
      </c>
      <c r="P12" s="21">
        <v>0</v>
      </c>
      <c r="Q12" s="21">
        <v>0</v>
      </c>
      <c r="R12" s="21">
        <v>0</v>
      </c>
      <c r="S12" s="37"/>
    </row>
    <row r="13" spans="1:19" ht="15" customHeight="1">
      <c r="A13" s="35"/>
      <c r="B13" s="36" t="s">
        <v>18</v>
      </c>
      <c r="C13" s="43" t="s">
        <v>19</v>
      </c>
      <c r="D13" s="43" t="s">
        <v>19</v>
      </c>
      <c r="E13" s="43" t="s">
        <v>19</v>
      </c>
      <c r="F13" s="43" t="s">
        <v>19</v>
      </c>
      <c r="G13" s="43" t="s">
        <v>19</v>
      </c>
      <c r="H13" s="43" t="s">
        <v>19</v>
      </c>
      <c r="I13" s="43" t="s">
        <v>19</v>
      </c>
      <c r="J13" s="43" t="s">
        <v>19</v>
      </c>
      <c r="K13" s="43" t="s">
        <v>19</v>
      </c>
      <c r="L13" s="43" t="s">
        <v>19</v>
      </c>
      <c r="M13" s="43" t="s">
        <v>19</v>
      </c>
      <c r="N13" s="43" t="s">
        <v>19</v>
      </c>
      <c r="O13" s="43" t="s">
        <v>19</v>
      </c>
      <c r="P13" s="43" t="s">
        <v>19</v>
      </c>
      <c r="Q13" s="43" t="s">
        <v>19</v>
      </c>
      <c r="R13" s="43" t="s">
        <v>19</v>
      </c>
      <c r="S13" s="37"/>
    </row>
    <row r="14" spans="1:19" ht="15" customHeight="1">
      <c r="A14" s="32">
        <v>1</v>
      </c>
      <c r="B14" s="38" t="s">
        <v>20</v>
      </c>
      <c r="C14" s="44">
        <v>0</v>
      </c>
      <c r="D14" s="44">
        <v>0</v>
      </c>
      <c r="E14" s="44">
        <v>0</v>
      </c>
      <c r="F14" s="44">
        <v>0</v>
      </c>
      <c r="G14" s="44">
        <v>0</v>
      </c>
      <c r="H14" s="44">
        <v>0</v>
      </c>
      <c r="I14" s="44">
        <v>0</v>
      </c>
      <c r="J14" s="44">
        <v>0</v>
      </c>
      <c r="K14" s="44">
        <v>0</v>
      </c>
      <c r="L14" s="44">
        <v>0</v>
      </c>
      <c r="M14" s="44">
        <v>0</v>
      </c>
      <c r="N14" s="44">
        <v>0</v>
      </c>
      <c r="O14" s="44">
        <v>0</v>
      </c>
      <c r="P14" s="44">
        <v>0</v>
      </c>
      <c r="Q14" s="44">
        <v>0</v>
      </c>
      <c r="R14" s="44">
        <v>0</v>
      </c>
      <c r="S14" s="34">
        <v>1</v>
      </c>
    </row>
    <row r="15" spans="1:19" ht="15" customHeight="1">
      <c r="A15" s="35">
        <v>2</v>
      </c>
      <c r="B15" s="39" t="s">
        <v>21</v>
      </c>
      <c r="C15" s="44">
        <v>0</v>
      </c>
      <c r="D15" s="44">
        <v>0</v>
      </c>
      <c r="E15" s="44">
        <v>0</v>
      </c>
      <c r="F15" s="44">
        <v>0</v>
      </c>
      <c r="G15" s="44">
        <v>0</v>
      </c>
      <c r="H15" s="44">
        <v>0</v>
      </c>
      <c r="I15" s="44">
        <v>0</v>
      </c>
      <c r="J15" s="44">
        <v>0</v>
      </c>
      <c r="K15" s="44">
        <v>0</v>
      </c>
      <c r="L15" s="44">
        <v>0</v>
      </c>
      <c r="M15" s="44">
        <v>0</v>
      </c>
      <c r="N15" s="44">
        <v>0</v>
      </c>
      <c r="O15" s="44">
        <v>0</v>
      </c>
      <c r="P15" s="44">
        <v>0</v>
      </c>
      <c r="Q15" s="44">
        <v>0</v>
      </c>
      <c r="R15" s="44">
        <v>0</v>
      </c>
      <c r="S15" s="37">
        <v>2</v>
      </c>
    </row>
    <row r="16" spans="1:19" ht="15" customHeight="1">
      <c r="A16" s="35">
        <v>3</v>
      </c>
      <c r="B16" s="39" t="s">
        <v>22</v>
      </c>
      <c r="C16" s="44">
        <v>0</v>
      </c>
      <c r="D16" s="44">
        <v>0</v>
      </c>
      <c r="E16" s="44">
        <v>0</v>
      </c>
      <c r="F16" s="44">
        <v>0</v>
      </c>
      <c r="G16" s="44">
        <v>0</v>
      </c>
      <c r="H16" s="44">
        <v>0</v>
      </c>
      <c r="I16" s="44">
        <v>0</v>
      </c>
      <c r="J16" s="44">
        <v>0</v>
      </c>
      <c r="K16" s="44">
        <v>0</v>
      </c>
      <c r="L16" s="44">
        <v>0</v>
      </c>
      <c r="M16" s="44">
        <v>0</v>
      </c>
      <c r="N16" s="44">
        <v>0</v>
      </c>
      <c r="O16" s="44">
        <v>0</v>
      </c>
      <c r="P16" s="44">
        <v>0</v>
      </c>
      <c r="Q16" s="44">
        <v>0</v>
      </c>
      <c r="R16" s="44">
        <v>0</v>
      </c>
      <c r="S16" s="37">
        <v>3</v>
      </c>
    </row>
    <row r="17" spans="1:19" ht="15" customHeight="1">
      <c r="A17" s="35">
        <v>4</v>
      </c>
      <c r="B17" s="39" t="s">
        <v>23</v>
      </c>
      <c r="C17" s="44">
        <v>0</v>
      </c>
      <c r="D17" s="44">
        <v>0</v>
      </c>
      <c r="E17" s="44">
        <v>0</v>
      </c>
      <c r="F17" s="44">
        <v>0</v>
      </c>
      <c r="G17" s="44">
        <v>0</v>
      </c>
      <c r="H17" s="44">
        <v>0</v>
      </c>
      <c r="I17" s="44">
        <v>0</v>
      </c>
      <c r="J17" s="44">
        <v>0</v>
      </c>
      <c r="K17" s="44">
        <v>0</v>
      </c>
      <c r="L17" s="44">
        <v>0</v>
      </c>
      <c r="M17" s="44">
        <v>0</v>
      </c>
      <c r="N17" s="44">
        <v>0</v>
      </c>
      <c r="O17" s="44">
        <v>0</v>
      </c>
      <c r="P17" s="44">
        <v>0</v>
      </c>
      <c r="Q17" s="44">
        <v>0</v>
      </c>
      <c r="R17" s="44">
        <v>0</v>
      </c>
      <c r="S17" s="37">
        <v>4</v>
      </c>
    </row>
    <row r="18" spans="1:19" ht="15" customHeight="1">
      <c r="A18" s="35">
        <v>5</v>
      </c>
      <c r="B18" s="39" t="s">
        <v>24</v>
      </c>
      <c r="C18" s="44">
        <v>0</v>
      </c>
      <c r="D18" s="44">
        <v>0</v>
      </c>
      <c r="E18" s="44">
        <v>0</v>
      </c>
      <c r="F18" s="44">
        <v>0</v>
      </c>
      <c r="G18" s="44">
        <v>0</v>
      </c>
      <c r="H18" s="44">
        <v>0</v>
      </c>
      <c r="I18" s="44">
        <v>0</v>
      </c>
      <c r="J18" s="44">
        <v>0</v>
      </c>
      <c r="K18" s="44">
        <v>0</v>
      </c>
      <c r="L18" s="44">
        <v>0</v>
      </c>
      <c r="M18" s="44">
        <v>0</v>
      </c>
      <c r="N18" s="44">
        <v>0</v>
      </c>
      <c r="O18" s="44">
        <v>0</v>
      </c>
      <c r="P18" s="44">
        <v>0</v>
      </c>
      <c r="Q18" s="44">
        <v>0</v>
      </c>
      <c r="R18" s="44">
        <v>0</v>
      </c>
      <c r="S18" s="37">
        <v>5</v>
      </c>
    </row>
    <row r="19" spans="1:19" ht="15" customHeight="1">
      <c r="A19" s="35">
        <v>6</v>
      </c>
      <c r="B19" s="39" t="s">
        <v>25</v>
      </c>
      <c r="C19" s="44">
        <v>0</v>
      </c>
      <c r="D19" s="44">
        <v>0</v>
      </c>
      <c r="E19" s="44">
        <v>0</v>
      </c>
      <c r="F19" s="44">
        <v>0</v>
      </c>
      <c r="G19" s="44">
        <v>0</v>
      </c>
      <c r="H19" s="44">
        <v>0</v>
      </c>
      <c r="I19" s="44">
        <v>0</v>
      </c>
      <c r="J19" s="44">
        <v>0</v>
      </c>
      <c r="K19" s="44">
        <v>0</v>
      </c>
      <c r="L19" s="44">
        <v>0</v>
      </c>
      <c r="M19" s="44">
        <v>0</v>
      </c>
      <c r="N19" s="44">
        <v>0</v>
      </c>
      <c r="O19" s="44">
        <v>0</v>
      </c>
      <c r="P19" s="44">
        <v>0</v>
      </c>
      <c r="Q19" s="44">
        <v>0</v>
      </c>
      <c r="R19" s="44">
        <v>0</v>
      </c>
      <c r="S19" s="37">
        <v>6</v>
      </c>
    </row>
    <row r="20" spans="1:19" ht="15" customHeight="1">
      <c r="A20" s="35">
        <v>7</v>
      </c>
      <c r="B20" s="39" t="s">
        <v>26</v>
      </c>
      <c r="C20" s="44">
        <v>0</v>
      </c>
      <c r="D20" s="44">
        <v>0</v>
      </c>
      <c r="E20" s="44">
        <v>0</v>
      </c>
      <c r="F20" s="44">
        <v>0</v>
      </c>
      <c r="G20" s="44">
        <v>0</v>
      </c>
      <c r="H20" s="44">
        <v>0</v>
      </c>
      <c r="I20" s="44">
        <v>0</v>
      </c>
      <c r="J20" s="44">
        <v>0</v>
      </c>
      <c r="K20" s="44">
        <v>0</v>
      </c>
      <c r="L20" s="44">
        <v>0</v>
      </c>
      <c r="M20" s="44">
        <v>0</v>
      </c>
      <c r="N20" s="44">
        <v>0</v>
      </c>
      <c r="O20" s="44">
        <v>0</v>
      </c>
      <c r="P20" s="44">
        <v>0</v>
      </c>
      <c r="Q20" s="44">
        <v>0</v>
      </c>
      <c r="R20" s="44">
        <v>0</v>
      </c>
      <c r="S20" s="37">
        <v>7</v>
      </c>
    </row>
    <row r="21" spans="1:19" ht="15" customHeight="1">
      <c r="A21" s="35">
        <v>36</v>
      </c>
      <c r="B21" s="39" t="s">
        <v>27</v>
      </c>
      <c r="C21" s="44">
        <v>0</v>
      </c>
      <c r="D21" s="44">
        <v>0</v>
      </c>
      <c r="E21" s="44">
        <v>0</v>
      </c>
      <c r="F21" s="44">
        <v>0</v>
      </c>
      <c r="G21" s="44">
        <v>0</v>
      </c>
      <c r="H21" s="44">
        <v>0</v>
      </c>
      <c r="I21" s="44">
        <v>0</v>
      </c>
      <c r="J21" s="44">
        <v>0</v>
      </c>
      <c r="K21" s="44">
        <v>0</v>
      </c>
      <c r="L21" s="44">
        <v>0</v>
      </c>
      <c r="M21" s="44">
        <v>0</v>
      </c>
      <c r="N21" s="44">
        <v>0</v>
      </c>
      <c r="O21" s="44">
        <v>0</v>
      </c>
      <c r="P21" s="44">
        <v>0</v>
      </c>
      <c r="Q21" s="44">
        <v>0</v>
      </c>
      <c r="R21" s="44">
        <v>0</v>
      </c>
      <c r="S21" s="37">
        <v>36</v>
      </c>
    </row>
    <row r="22" spans="1:19" ht="15" customHeight="1">
      <c r="A22" s="35">
        <v>49</v>
      </c>
      <c r="B22" s="39" t="s">
        <v>28</v>
      </c>
      <c r="C22" s="44">
        <v>0</v>
      </c>
      <c r="D22" s="44">
        <v>0</v>
      </c>
      <c r="E22" s="44">
        <v>0</v>
      </c>
      <c r="F22" s="44">
        <v>0</v>
      </c>
      <c r="G22" s="44">
        <v>0</v>
      </c>
      <c r="H22" s="44">
        <v>0</v>
      </c>
      <c r="I22" s="44">
        <v>0</v>
      </c>
      <c r="J22" s="44">
        <v>0</v>
      </c>
      <c r="K22" s="44">
        <v>0</v>
      </c>
      <c r="L22" s="44">
        <v>0</v>
      </c>
      <c r="M22" s="44">
        <v>0</v>
      </c>
      <c r="N22" s="44">
        <v>0</v>
      </c>
      <c r="O22" s="44">
        <v>0</v>
      </c>
      <c r="P22" s="44">
        <v>0</v>
      </c>
      <c r="Q22" s="44">
        <v>0</v>
      </c>
      <c r="R22" s="44">
        <v>0</v>
      </c>
      <c r="S22" s="37">
        <v>49</v>
      </c>
    </row>
    <row r="23" spans="1:19" ht="15" customHeight="1">
      <c r="A23" s="35">
        <v>57</v>
      </c>
      <c r="B23" s="39" t="s">
        <v>29</v>
      </c>
      <c r="C23" s="44">
        <v>0</v>
      </c>
      <c r="D23" s="44">
        <v>0</v>
      </c>
      <c r="E23" s="44">
        <v>0</v>
      </c>
      <c r="F23" s="44">
        <v>0</v>
      </c>
      <c r="G23" s="44">
        <v>0</v>
      </c>
      <c r="H23" s="44">
        <v>0</v>
      </c>
      <c r="I23" s="44">
        <v>0</v>
      </c>
      <c r="J23" s="44">
        <v>0</v>
      </c>
      <c r="K23" s="44">
        <v>0</v>
      </c>
      <c r="L23" s="44">
        <v>0</v>
      </c>
      <c r="M23" s="44">
        <v>0</v>
      </c>
      <c r="N23" s="44">
        <v>0</v>
      </c>
      <c r="O23" s="44">
        <v>0</v>
      </c>
      <c r="P23" s="44">
        <v>0</v>
      </c>
      <c r="Q23" s="44">
        <v>0</v>
      </c>
      <c r="R23" s="44">
        <v>0</v>
      </c>
      <c r="S23" s="37">
        <v>57</v>
      </c>
    </row>
    <row r="24" spans="1:19" ht="15" customHeight="1">
      <c r="A24" s="35">
        <v>58</v>
      </c>
      <c r="B24" s="39" t="s">
        <v>30</v>
      </c>
      <c r="C24" s="44">
        <v>0</v>
      </c>
      <c r="D24" s="44">
        <v>0</v>
      </c>
      <c r="E24" s="44">
        <v>0</v>
      </c>
      <c r="F24" s="44">
        <v>0</v>
      </c>
      <c r="G24" s="44">
        <v>0</v>
      </c>
      <c r="H24" s="44">
        <v>0</v>
      </c>
      <c r="I24" s="44">
        <v>0</v>
      </c>
      <c r="J24" s="44">
        <v>0</v>
      </c>
      <c r="K24" s="44">
        <v>0</v>
      </c>
      <c r="L24" s="44">
        <v>0</v>
      </c>
      <c r="M24" s="44">
        <v>0</v>
      </c>
      <c r="N24" s="44">
        <v>0</v>
      </c>
      <c r="O24" s="44">
        <v>0</v>
      </c>
      <c r="P24" s="44">
        <v>0</v>
      </c>
      <c r="Q24" s="44">
        <v>0</v>
      </c>
      <c r="R24" s="44">
        <v>0</v>
      </c>
      <c r="S24" s="37">
        <v>58</v>
      </c>
    </row>
    <row r="25" spans="1:19" ht="15" customHeight="1">
      <c r="A25" s="35">
        <v>59</v>
      </c>
      <c r="B25" s="39" t="s">
        <v>31</v>
      </c>
      <c r="C25" s="44">
        <v>0</v>
      </c>
      <c r="D25" s="44">
        <v>0</v>
      </c>
      <c r="E25" s="44">
        <v>0</v>
      </c>
      <c r="F25" s="44">
        <v>0</v>
      </c>
      <c r="G25" s="44">
        <v>0</v>
      </c>
      <c r="H25" s="44">
        <v>0</v>
      </c>
      <c r="I25" s="44">
        <v>0</v>
      </c>
      <c r="J25" s="44">
        <v>0</v>
      </c>
      <c r="K25" s="44">
        <v>0</v>
      </c>
      <c r="L25" s="44">
        <v>0</v>
      </c>
      <c r="M25" s="44">
        <v>0</v>
      </c>
      <c r="N25" s="44">
        <v>0</v>
      </c>
      <c r="O25" s="44">
        <v>0</v>
      </c>
      <c r="P25" s="44">
        <v>0</v>
      </c>
      <c r="Q25" s="44">
        <v>0</v>
      </c>
      <c r="R25" s="44">
        <v>0</v>
      </c>
      <c r="S25" s="37">
        <v>59</v>
      </c>
    </row>
    <row r="26" spans="1:19" ht="15" customHeight="1">
      <c r="A26" s="35">
        <v>61</v>
      </c>
      <c r="B26" s="39" t="s">
        <v>32</v>
      </c>
      <c r="C26" s="44">
        <v>0</v>
      </c>
      <c r="D26" s="44">
        <v>0</v>
      </c>
      <c r="E26" s="44">
        <v>0</v>
      </c>
      <c r="F26" s="44">
        <v>0</v>
      </c>
      <c r="G26" s="44">
        <v>0</v>
      </c>
      <c r="H26" s="44">
        <v>0</v>
      </c>
      <c r="I26" s="44">
        <v>0</v>
      </c>
      <c r="J26" s="44">
        <v>0</v>
      </c>
      <c r="K26" s="44">
        <v>0</v>
      </c>
      <c r="L26" s="44">
        <v>0</v>
      </c>
      <c r="M26" s="44">
        <v>0</v>
      </c>
      <c r="N26" s="44">
        <v>0</v>
      </c>
      <c r="O26" s="44">
        <v>0</v>
      </c>
      <c r="P26" s="44">
        <v>0</v>
      </c>
      <c r="Q26" s="44">
        <v>0</v>
      </c>
      <c r="R26" s="44">
        <v>0</v>
      </c>
      <c r="S26" s="37">
        <v>61</v>
      </c>
    </row>
    <row r="27" spans="1:19" ht="15" customHeight="1">
      <c r="A27" s="35">
        <v>81</v>
      </c>
      <c r="B27" s="39" t="s">
        <v>33</v>
      </c>
      <c r="C27" s="44">
        <v>0</v>
      </c>
      <c r="D27" s="44">
        <v>0</v>
      </c>
      <c r="E27" s="44">
        <v>0</v>
      </c>
      <c r="F27" s="44">
        <v>0</v>
      </c>
      <c r="G27" s="44">
        <v>0</v>
      </c>
      <c r="H27" s="44">
        <v>0</v>
      </c>
      <c r="I27" s="44">
        <v>0</v>
      </c>
      <c r="J27" s="44">
        <v>0</v>
      </c>
      <c r="K27" s="44">
        <v>0</v>
      </c>
      <c r="L27" s="44">
        <v>0</v>
      </c>
      <c r="M27" s="44">
        <v>0</v>
      </c>
      <c r="N27" s="44">
        <v>0</v>
      </c>
      <c r="O27" s="44">
        <v>0</v>
      </c>
      <c r="P27" s="44">
        <v>0</v>
      </c>
      <c r="Q27" s="44">
        <v>0</v>
      </c>
      <c r="R27" s="44">
        <v>0</v>
      </c>
      <c r="S27" s="37">
        <v>81</v>
      </c>
    </row>
    <row r="28" spans="1:19" ht="15" customHeight="1">
      <c r="A28" s="35">
        <v>82</v>
      </c>
      <c r="B28" s="39" t="s">
        <v>34</v>
      </c>
      <c r="C28" s="44">
        <v>0</v>
      </c>
      <c r="D28" s="44">
        <v>0</v>
      </c>
      <c r="E28" s="44">
        <v>0</v>
      </c>
      <c r="F28" s="44">
        <v>0</v>
      </c>
      <c r="G28" s="44">
        <v>0</v>
      </c>
      <c r="H28" s="44">
        <v>0</v>
      </c>
      <c r="I28" s="44">
        <v>0</v>
      </c>
      <c r="J28" s="44">
        <v>0</v>
      </c>
      <c r="K28" s="44">
        <v>0</v>
      </c>
      <c r="L28" s="44">
        <v>0</v>
      </c>
      <c r="M28" s="44">
        <v>0</v>
      </c>
      <c r="N28" s="44">
        <v>0</v>
      </c>
      <c r="O28" s="44">
        <v>0</v>
      </c>
      <c r="P28" s="44">
        <v>0</v>
      </c>
      <c r="Q28" s="44">
        <v>0</v>
      </c>
      <c r="R28" s="44">
        <v>0</v>
      </c>
      <c r="S28" s="37">
        <v>82</v>
      </c>
    </row>
    <row r="29" spans="1:19" ht="15" customHeight="1">
      <c r="A29" s="35">
        <v>83</v>
      </c>
      <c r="B29" s="39" t="s">
        <v>35</v>
      </c>
      <c r="C29" s="44">
        <v>0</v>
      </c>
      <c r="D29" s="44">
        <v>0</v>
      </c>
      <c r="E29" s="44">
        <v>0</v>
      </c>
      <c r="F29" s="44">
        <v>0</v>
      </c>
      <c r="G29" s="44">
        <v>0</v>
      </c>
      <c r="H29" s="44">
        <v>0</v>
      </c>
      <c r="I29" s="44">
        <v>0</v>
      </c>
      <c r="J29" s="44">
        <v>0</v>
      </c>
      <c r="K29" s="44">
        <v>0</v>
      </c>
      <c r="L29" s="44">
        <v>0</v>
      </c>
      <c r="M29" s="44">
        <v>0</v>
      </c>
      <c r="N29" s="44">
        <v>0</v>
      </c>
      <c r="O29" s="44">
        <v>0</v>
      </c>
      <c r="P29" s="44">
        <v>0</v>
      </c>
      <c r="Q29" s="44">
        <v>0</v>
      </c>
      <c r="R29" s="44">
        <v>0</v>
      </c>
      <c r="S29" s="37">
        <v>83</v>
      </c>
    </row>
    <row r="30" spans="1:19" ht="15" customHeight="1">
      <c r="A30" s="35">
        <v>84</v>
      </c>
      <c r="B30" s="39" t="s">
        <v>36</v>
      </c>
      <c r="C30" s="44">
        <v>0</v>
      </c>
      <c r="D30" s="44">
        <v>0</v>
      </c>
      <c r="E30" s="44">
        <v>0</v>
      </c>
      <c r="F30" s="44">
        <v>0</v>
      </c>
      <c r="G30" s="44">
        <v>0</v>
      </c>
      <c r="H30" s="44">
        <v>0</v>
      </c>
      <c r="I30" s="44">
        <v>0</v>
      </c>
      <c r="J30" s="44">
        <v>0</v>
      </c>
      <c r="K30" s="44">
        <v>0</v>
      </c>
      <c r="L30" s="44">
        <v>0</v>
      </c>
      <c r="M30" s="44">
        <v>0</v>
      </c>
      <c r="N30" s="44">
        <v>0</v>
      </c>
      <c r="O30" s="44">
        <v>0</v>
      </c>
      <c r="P30" s="44">
        <v>0</v>
      </c>
      <c r="Q30" s="44">
        <v>0</v>
      </c>
      <c r="R30" s="44">
        <v>0</v>
      </c>
      <c r="S30" s="37">
        <v>84</v>
      </c>
    </row>
    <row r="31" spans="1:19" ht="15" customHeight="1">
      <c r="A31" s="35">
        <v>85</v>
      </c>
      <c r="B31" s="39" t="s">
        <v>37</v>
      </c>
      <c r="C31" s="44">
        <v>0</v>
      </c>
      <c r="D31" s="44">
        <v>0</v>
      </c>
      <c r="E31" s="44">
        <v>0</v>
      </c>
      <c r="F31" s="44">
        <v>0</v>
      </c>
      <c r="G31" s="44">
        <v>0</v>
      </c>
      <c r="H31" s="44">
        <v>0</v>
      </c>
      <c r="I31" s="44">
        <v>0</v>
      </c>
      <c r="J31" s="44">
        <v>0</v>
      </c>
      <c r="K31" s="44">
        <v>0</v>
      </c>
      <c r="L31" s="44">
        <v>0</v>
      </c>
      <c r="M31" s="44">
        <v>0</v>
      </c>
      <c r="N31" s="44">
        <v>0</v>
      </c>
      <c r="O31" s="44">
        <v>0</v>
      </c>
      <c r="P31" s="44">
        <v>0</v>
      </c>
      <c r="Q31" s="44">
        <v>0</v>
      </c>
      <c r="R31" s="44">
        <v>0</v>
      </c>
      <c r="S31" s="37">
        <v>85</v>
      </c>
    </row>
    <row r="32" spans="1:19" ht="15" customHeight="1">
      <c r="A32" s="35">
        <v>86</v>
      </c>
      <c r="B32" s="39" t="s">
        <v>38</v>
      </c>
      <c r="C32" s="44">
        <v>0</v>
      </c>
      <c r="D32" s="44">
        <v>0</v>
      </c>
      <c r="E32" s="44">
        <v>0</v>
      </c>
      <c r="F32" s="44">
        <v>0</v>
      </c>
      <c r="G32" s="44">
        <v>0</v>
      </c>
      <c r="H32" s="44">
        <v>0</v>
      </c>
      <c r="I32" s="44">
        <v>0</v>
      </c>
      <c r="J32" s="44">
        <v>0</v>
      </c>
      <c r="K32" s="44">
        <v>0</v>
      </c>
      <c r="L32" s="44">
        <v>0</v>
      </c>
      <c r="M32" s="44">
        <v>0</v>
      </c>
      <c r="N32" s="44">
        <v>0</v>
      </c>
      <c r="O32" s="44">
        <v>0</v>
      </c>
      <c r="P32" s="44">
        <v>0</v>
      </c>
      <c r="Q32" s="44">
        <v>0</v>
      </c>
      <c r="R32" s="44">
        <v>0</v>
      </c>
      <c r="S32" s="37">
        <v>86</v>
      </c>
    </row>
    <row r="33" spans="1:19" ht="15" customHeight="1">
      <c r="A33" s="32"/>
      <c r="B33" s="38"/>
      <c r="C33" s="45"/>
      <c r="D33" s="45"/>
      <c r="E33" s="45"/>
      <c r="F33" s="45"/>
      <c r="G33" s="45"/>
      <c r="H33" s="45"/>
      <c r="I33" s="45"/>
      <c r="J33" s="45"/>
      <c r="K33" s="45"/>
      <c r="L33" s="45"/>
      <c r="M33" s="45"/>
      <c r="N33" s="45"/>
      <c r="O33" s="45"/>
      <c r="P33" s="45"/>
      <c r="Q33" s="45"/>
      <c r="R33" s="45"/>
      <c r="S33" s="34"/>
    </row>
    <row r="34" spans="1:19" ht="15" customHeight="1">
      <c r="A34" s="32">
        <v>301</v>
      </c>
      <c r="B34" s="38" t="s">
        <v>39</v>
      </c>
      <c r="C34" s="44" t="s">
        <v>19</v>
      </c>
      <c r="D34" s="44" t="s">
        <v>19</v>
      </c>
      <c r="E34" s="44" t="s">
        <v>19</v>
      </c>
      <c r="F34" s="44" t="s">
        <v>19</v>
      </c>
      <c r="G34" s="44" t="s">
        <v>19</v>
      </c>
      <c r="H34" s="44" t="s">
        <v>19</v>
      </c>
      <c r="I34" s="44" t="s">
        <v>19</v>
      </c>
      <c r="J34" s="44" t="s">
        <v>19</v>
      </c>
      <c r="K34" s="44" t="s">
        <v>19</v>
      </c>
      <c r="L34" s="44" t="s">
        <v>19</v>
      </c>
      <c r="M34" s="44" t="s">
        <v>19</v>
      </c>
      <c r="N34" s="44" t="s">
        <v>19</v>
      </c>
      <c r="O34" s="44" t="s">
        <v>19</v>
      </c>
      <c r="P34" s="44" t="s">
        <v>19</v>
      </c>
      <c r="Q34" s="44" t="s">
        <v>19</v>
      </c>
      <c r="R34" s="44" t="s">
        <v>19</v>
      </c>
      <c r="S34" s="34">
        <v>301</v>
      </c>
    </row>
    <row r="35" spans="1:19" ht="15" customHeight="1">
      <c r="A35" s="32"/>
      <c r="B35" s="38"/>
      <c r="C35" s="40"/>
      <c r="D35" s="40"/>
      <c r="E35" s="40"/>
      <c r="F35" s="40"/>
      <c r="G35" s="41"/>
      <c r="H35" s="41"/>
      <c r="I35" s="41"/>
      <c r="J35" s="41"/>
      <c r="K35" s="42"/>
      <c r="L35" s="42"/>
      <c r="M35" s="42"/>
      <c r="N35" s="42"/>
      <c r="O35" s="42"/>
      <c r="P35" s="42"/>
      <c r="Q35" s="42"/>
      <c r="R35" s="42"/>
      <c r="S35" s="34"/>
    </row>
  </sheetData>
  <mergeCells count="11">
    <mergeCell ref="S8:S9"/>
    <mergeCell ref="C3:F3"/>
    <mergeCell ref="G3:J3"/>
    <mergeCell ref="K3:N3"/>
    <mergeCell ref="O3:R3"/>
    <mergeCell ref="A8:A9"/>
    <mergeCell ref="B8:B9"/>
    <mergeCell ref="C8:F8"/>
    <mergeCell ref="G8:J8"/>
    <mergeCell ref="K8:N8"/>
    <mergeCell ref="O8:R8"/>
  </mergeCells>
  <phoneticPr fontId="2"/>
  <pageMargins left="0.78740157480314965" right="0.78740157480314965" top="0.98425196850393704" bottom="0.98425196850393704" header="0.51181102362204722" footer="0.31496062992125984"/>
  <pageSetup paperSize="9" scale="7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0</vt:lpstr>
      <vt:lpstr>sheet10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永江　道子</dc:creator>
  <cp:lastModifiedBy>島根県永江　道子</cp:lastModifiedBy>
  <dcterms:created xsi:type="dcterms:W3CDTF">2025-10-30T06:37:06Z</dcterms:created>
  <dcterms:modified xsi:type="dcterms:W3CDTF">2025-10-30T06:37:57Z</dcterms:modified>
</cp:coreProperties>
</file>